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4" d="100"/>
          <a:sy n="74" d="100"/>
        </p:scale>
        <p:origin x="1814" y="62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Rythem Chauhan" userId="1b8481aea0094c6b" providerId="LiveId" clId="{469C26EA-8B1A-4969-AB77-7E279D5FB8AF}"/>
    <pc:docChg chg="custSel modSld">
      <pc:chgData name="Rythem Chauhan" userId="1b8481aea0094c6b" providerId="LiveId" clId="{469C26EA-8B1A-4969-AB77-7E279D5FB8AF}" dt="2025-06-19T10:54:03.366" v="18" actId="14100"/>
      <pc:docMkLst>
        <pc:docMk/>
      </pc:docMkLst>
      <pc:sldChg chg="addSp delSp modSp mod">
        <pc:chgData name="Rythem Chauhan" userId="1b8481aea0094c6b" providerId="LiveId" clId="{469C26EA-8B1A-4969-AB77-7E279D5FB8AF}" dt="2025-06-19T10:54:03.366" v="18" actId="14100"/>
        <pc:sldMkLst>
          <pc:docMk/>
          <pc:sldMk cId="629606736" sldId="573"/>
        </pc:sldMkLst>
        <pc:spChg chg="mod">
          <ac:chgData name="Rythem Chauhan" userId="1b8481aea0094c6b" providerId="LiveId" clId="{469C26EA-8B1A-4969-AB77-7E279D5FB8AF}" dt="2025-06-19T10:53:22.137" v="15" actId="166"/>
          <ac:spMkLst>
            <pc:docMk/>
            <pc:sldMk cId="629606736" sldId="573"/>
            <ac:spMk id="19" creationId="{00000000-0000-0000-0000-000000000000}"/>
          </ac:spMkLst>
        </pc:spChg>
        <pc:spChg chg="mod">
          <ac:chgData name="Rythem Chauhan" userId="1b8481aea0094c6b" providerId="LiveId" clId="{469C26EA-8B1A-4969-AB77-7E279D5FB8AF}" dt="2025-06-19T10:53:27.574" v="16" actId="166"/>
          <ac:spMkLst>
            <pc:docMk/>
            <pc:sldMk cId="629606736" sldId="573"/>
            <ac:spMk id="20" creationId="{00000000-0000-0000-0000-000000000000}"/>
          </ac:spMkLst>
        </pc:spChg>
        <pc:spChg chg="del mod">
          <ac:chgData name="Rythem Chauhan" userId="1b8481aea0094c6b" providerId="LiveId" clId="{469C26EA-8B1A-4969-AB77-7E279D5FB8AF}" dt="2025-06-19T10:49:38.126" v="1" actId="478"/>
          <ac:spMkLst>
            <pc:docMk/>
            <pc:sldMk cId="629606736" sldId="573"/>
            <ac:spMk id="21" creationId="{6506A1CE-8977-6408-B303-06B78579CE69}"/>
          </ac:spMkLst>
        </pc:spChg>
        <pc:spChg chg="del">
          <ac:chgData name="Rythem Chauhan" userId="1b8481aea0094c6b" providerId="LiveId" clId="{469C26EA-8B1A-4969-AB77-7E279D5FB8AF}" dt="2025-06-19T10:52:22.712" v="7" actId="478"/>
          <ac:spMkLst>
            <pc:docMk/>
            <pc:sldMk cId="629606736" sldId="573"/>
            <ac:spMk id="23" creationId="{67EBFA0E-D4BD-09A1-74B7-660F9D5441E7}"/>
          </ac:spMkLst>
        </pc:spChg>
        <pc:picChg chg="add del mod">
          <ac:chgData name="Rythem Chauhan" userId="1b8481aea0094c6b" providerId="LiveId" clId="{469C26EA-8B1A-4969-AB77-7E279D5FB8AF}" dt="2025-06-19T10:52:19.669" v="6" actId="478"/>
          <ac:picMkLst>
            <pc:docMk/>
            <pc:sldMk cId="629606736" sldId="573"/>
            <ac:picMk id="4" creationId="{618149A3-955E-BE95-82E8-12A37F802C47}"/>
          </ac:picMkLst>
        </pc:picChg>
        <pc:picChg chg="add mod">
          <ac:chgData name="Rythem Chauhan" userId="1b8481aea0094c6b" providerId="LiveId" clId="{469C26EA-8B1A-4969-AB77-7E279D5FB8AF}" dt="2025-06-19T10:54:03.366" v="18" actId="14100"/>
          <ac:picMkLst>
            <pc:docMk/>
            <pc:sldMk cId="629606736" sldId="573"/>
            <ac:picMk id="10" creationId="{BAA46C64-7712-70D1-33A9-F284BEC731CA}"/>
          </ac:picMkLst>
        </pc:pic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19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7" Type="http://schemas.openxmlformats.org/officeDocument/2006/relationships/image" Target="../media/image4.png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3.png"/><Relationship Id="rId5" Type="http://schemas.openxmlformats.org/officeDocument/2006/relationships/image" Target="../media/image2.png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B43EF742-99B6-3B4B-D17B-A755154C14DB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85686" y="5636018"/>
            <a:ext cx="3948545" cy="1817626"/>
          </a:xfrm>
          <a:prstGeom prst="rect">
            <a:avLst/>
          </a:prstGeom>
        </p:spPr>
      </p:pic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C9B2093-2F60-D662-8A73-0C500BA59E1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65079" y="5782371"/>
            <a:ext cx="5099147" cy="1682306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BAA46C64-7712-70D1-33A9-F284BEC731CA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09155" y="1467547"/>
            <a:ext cx="9393797" cy="3831731"/>
          </a:xfrm>
          <a:prstGeom prst="rect">
            <a:avLst/>
          </a:prstGeom>
        </p:spPr>
      </p:pic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886</TotalTime>
  <Words>66</Words>
  <Application>Microsoft Office PowerPoint</Application>
  <PresentationFormat>Custom</PresentationFormat>
  <Paragraphs>10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ythem Chauhan</cp:lastModifiedBy>
  <cp:revision>867</cp:revision>
  <cp:lastPrinted>2020-01-28T09:55:08Z</cp:lastPrinted>
  <dcterms:created xsi:type="dcterms:W3CDTF">2015-06-19T14:55:37Z</dcterms:created>
  <dcterms:modified xsi:type="dcterms:W3CDTF">2025-06-19T10:54:10Z</dcterms:modified>
</cp:coreProperties>
</file>